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4"/>
  </p:sldMasterIdLst>
  <p:sldIdLst>
    <p:sldId id="268" r:id="rId5"/>
  </p:sldIdLst>
  <p:sldSz cx="9906000" cy="6858000" type="A4"/>
  <p:notesSz cx="7104063" cy="10234613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12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0000FF"/>
    <a:srgbClr val="008000"/>
    <a:srgbClr val="33CC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9071" autoAdjust="0"/>
  </p:normalViewPr>
  <p:slideViewPr>
    <p:cSldViewPr snapToGrid="0">
      <p:cViewPr varScale="1">
        <p:scale>
          <a:sx n="73" d="100"/>
          <a:sy n="73" d="100"/>
        </p:scale>
        <p:origin x="1122" y="72"/>
      </p:cViewPr>
      <p:guideLst>
        <p:guide orient="horz" pos="2160"/>
        <p:guide pos="312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viewProps" Target="viewProp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presProps" Target="presProps.xml"/><Relationship Id="rId5" Type="http://schemas.openxmlformats.org/officeDocument/2006/relationships/slide" Target="slides/slide1.xml"/><Relationship Id="rId4" Type="http://schemas.openxmlformats.org/officeDocument/2006/relationships/slideMaster" Target="slideMasters/slideMaster1.xml"/><Relationship Id="rId9" Type="http://schemas.openxmlformats.org/officeDocument/2006/relationships/tableStyles" Target="tableStyle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42950" y="1122363"/>
            <a:ext cx="84201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38250" y="3602038"/>
            <a:ext cx="74295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310F23E-4C39-BDF5-3DAE-94369AB8465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B83713-E8AA-40C9-9FF4-E525485458E3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1FBE1E6-D089-5D51-AADF-C4B1C01A482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FE338A0F-78B9-811E-0976-C8B48A73990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A6930015-84AB-4EE4-995F-ADC0FD3370A7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48968851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D2F33151-B4FF-0B3C-CF76-8C886F36743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0EFC00-276F-44C1-A54D-837A0460CBC5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8E74543-AE37-1B5E-AE51-BD8C9A5DBA3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C44CD7A1-562D-ABBE-093D-DF5A097B8DC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4308A4AF-D1E6-4D6E-A90C-3C293B950E81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92604842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088982" y="365125"/>
            <a:ext cx="2135981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1038" y="365125"/>
            <a:ext cx="6284119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D77A3AD-151B-BDAA-2D3F-BAC91025614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44AC3FD-A9B6-477E-9A78-F4B0B6FC049D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31A9E030-C960-4CD9-5E57-52D858F4ECA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360BB76-8CFA-3098-B18D-5D687F9E630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3CA7BEE-77BC-4A66-93F0-CB86B9BA2585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14531199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EDEA7AEA-BE39-2B02-3112-FAF71ABCACE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54CF941-38E1-49EE-9D6D-B36322464054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2D04E840-2601-7FEF-1ABF-A81083250F1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01E5037-B3A8-8B04-119C-C792B73BF95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FC6B75E-E071-4BE5-9CE1-96D429AE1F5E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1232629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5879" y="1709740"/>
            <a:ext cx="8543925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879" y="4589465"/>
            <a:ext cx="8543925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66E8CA4-6FED-E7F9-0E3E-DC10CCB011D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8B3E6BC-A4A3-457C-9D01-DF21284C4842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296AAAE8-7D7A-5F16-03FE-EEBCDDB03FF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B3DC7B1-AFDD-34A4-AF63-3D7FDF5DE67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61376F5-F79C-49EC-9A95-396AFA724AB2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7825163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1038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14913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F41F36D5-8C73-BA42-380D-35373291526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17E4114-C4BC-428A-A4A8-0D9FAFC3DC11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165CACE7-1370-CCB0-C6F8-25324C65D1B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251F4EAA-57DA-F7E7-D4E3-38162112EB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962305F-BE50-4F06-9DF0-EA6445C581C7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68674706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365127"/>
            <a:ext cx="8543925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2329" y="1681163"/>
            <a:ext cx="4190702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2329" y="2505075"/>
            <a:ext cx="4190702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14913" y="1681163"/>
            <a:ext cx="4211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14913" y="2505075"/>
            <a:ext cx="4211340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3">
            <a:extLst>
              <a:ext uri="{FF2B5EF4-FFF2-40B4-BE49-F238E27FC236}">
                <a16:creationId xmlns:a16="http://schemas.microsoft.com/office/drawing/2014/main" id="{A1E50022-DF03-43D7-A1AE-0DF2B605F9B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7CE51C1-4811-40D8-9FCB-1A30C3868987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8" name="Footer Placeholder 4">
            <a:extLst>
              <a:ext uri="{FF2B5EF4-FFF2-40B4-BE49-F238E27FC236}">
                <a16:creationId xmlns:a16="http://schemas.microsoft.com/office/drawing/2014/main" id="{669BECA1-26AB-1688-77BF-4EE9CF5F9A9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5">
            <a:extLst>
              <a:ext uri="{FF2B5EF4-FFF2-40B4-BE49-F238E27FC236}">
                <a16:creationId xmlns:a16="http://schemas.microsoft.com/office/drawing/2014/main" id="{55BBB850-7020-53E0-2268-8D6F4560B98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CB734816-EFCB-48E9-A608-609602ED4787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11092443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3">
            <a:extLst>
              <a:ext uri="{FF2B5EF4-FFF2-40B4-BE49-F238E27FC236}">
                <a16:creationId xmlns:a16="http://schemas.microsoft.com/office/drawing/2014/main" id="{57C134B2-59F8-22BA-D117-89C9261F165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4236054-94EF-471C-A827-C5DB570D6C4F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4" name="Footer Placeholder 4">
            <a:extLst>
              <a:ext uri="{FF2B5EF4-FFF2-40B4-BE49-F238E27FC236}">
                <a16:creationId xmlns:a16="http://schemas.microsoft.com/office/drawing/2014/main" id="{571AFBDF-DD9F-9D09-9906-86ED5AE992F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5">
            <a:extLst>
              <a:ext uri="{FF2B5EF4-FFF2-40B4-BE49-F238E27FC236}">
                <a16:creationId xmlns:a16="http://schemas.microsoft.com/office/drawing/2014/main" id="{90D0CF97-0544-C75A-BE69-5CD1C05B18A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45AD98A3-C233-4039-8E19-FA608D14174E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91261742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>
            <a:extLst>
              <a:ext uri="{FF2B5EF4-FFF2-40B4-BE49-F238E27FC236}">
                <a16:creationId xmlns:a16="http://schemas.microsoft.com/office/drawing/2014/main" id="{95836A15-5D3A-29F2-58F3-3E927328EDA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C152D08-BFE0-4B74-911D-01754FD26B5C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3" name="Footer Placeholder 4">
            <a:extLst>
              <a:ext uri="{FF2B5EF4-FFF2-40B4-BE49-F238E27FC236}">
                <a16:creationId xmlns:a16="http://schemas.microsoft.com/office/drawing/2014/main" id="{F520CE57-DA52-99E2-091D-CBD6E6218EF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5">
            <a:extLst>
              <a:ext uri="{FF2B5EF4-FFF2-40B4-BE49-F238E27FC236}">
                <a16:creationId xmlns:a16="http://schemas.microsoft.com/office/drawing/2014/main" id="{30B4EAA4-9511-F2A3-C5B7-BF2E8C534CD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AF339161-D9CB-45C9-9162-86F9F6432F71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19914533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11340" y="987427"/>
            <a:ext cx="5014913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20D2E530-044A-E0D9-317A-B1605250673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C84AA9C-4D89-43F5-B1C3-1B6B621A0E64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AA889893-8252-CBD1-0117-44A847EAB99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41154F00-4CA4-A03C-6FA9-1E3EC5A1301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9537F35-F13E-41F5-AD7C-ABD50E75D49C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95983190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4211340" y="987427"/>
            <a:ext cx="5014913" cy="4873625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dirty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2F50F433-9AC9-D2DE-B3B6-84A5F74966E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B78420B-4C89-4768-8528-BF77DF04E7D5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58398156-0220-5E97-1C97-349216D9E38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DC696C30-DDD3-D6A2-D2EB-73ED941C224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500AF501-7C7E-4E4D-AA25-B4E9F9E15513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6777460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3F638FAE-E449-D3E5-8F59-1695F6CB4D98}"/>
              </a:ext>
            </a:extLst>
          </p:cNvPr>
          <p:cNvSpPr>
            <a:spLocks noGrp="1"/>
          </p:cNvSpPr>
          <p:nvPr>
            <p:ph type="title"/>
          </p:nvPr>
        </p:nvSpPr>
        <p:spPr bwMode="auto">
          <a:xfrm>
            <a:off x="681038" y="365125"/>
            <a:ext cx="8543925" cy="13255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3695BBD9-9753-E1CA-E50E-F099831F637D}"/>
              </a:ext>
            </a:extLst>
          </p:cNvPr>
          <p:cNvSpPr>
            <a:spLocks noGrp="1"/>
          </p:cNvSpPr>
          <p:nvPr>
            <p:ph type="body" idx="1"/>
          </p:nvPr>
        </p:nvSpPr>
        <p:spPr bwMode="auto">
          <a:xfrm>
            <a:off x="681038" y="1825625"/>
            <a:ext cx="8543925" cy="4351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ext styles</a:t>
            </a:r>
          </a:p>
          <a:p>
            <a:pPr lvl="1"/>
            <a:r>
              <a:rPr lang="en-US" altLang="en-US"/>
              <a:t>Second level</a:t>
            </a:r>
          </a:p>
          <a:p>
            <a:pPr lvl="2"/>
            <a:r>
              <a:rPr lang="en-US" altLang="en-US"/>
              <a:t>Third level</a:t>
            </a:r>
          </a:p>
          <a:p>
            <a:pPr lvl="3"/>
            <a:r>
              <a:rPr lang="en-US" altLang="en-US"/>
              <a:t>Fourth level</a:t>
            </a:r>
          </a:p>
          <a:p>
            <a:pPr lvl="4"/>
            <a:r>
              <a:rPr lang="en-US" alt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2EBB8DB-37A6-1519-BED0-00B045347C53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681038" y="6356350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481BB0B9-B697-4021-A1D5-F9387FAD97F7}" type="datetimeFigureOut">
              <a:rPr lang="en-US"/>
              <a:pPr>
                <a:defRPr/>
              </a:pPr>
              <a:t>9/23/2025</a:t>
            </a:fld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64E8CF6-24BF-B152-289F-352778CBAF7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3281363" y="6356350"/>
            <a:ext cx="334327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7A4C8266-A11A-29FE-CCB4-F3B65BE69197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996113" y="6356350"/>
            <a:ext cx="222885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solidFill>
                  <a:srgbClr val="898989"/>
                </a:solidFill>
                <a:latin typeface="Calibri" panose="020F0502020204030204" pitchFamily="34" charset="0"/>
              </a:defRPr>
            </a:lvl1pPr>
          </a:lstStyle>
          <a:p>
            <a:fld id="{80FC6305-A941-4810-A23B-7B68ED63A963}" type="slidenum">
              <a:rPr lang="en-US" altLang="en-US"/>
              <a:pPr/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9pPr>
    </p:titleStyle>
    <p:bodyStyle>
      <a:lvl1pPr marL="228600" indent="-228600" algn="l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350250" y="0"/>
            <a:ext cx="1333500" cy="400050"/>
          </a:xfrm>
          <a:prstGeom prst="rect">
            <a:avLst/>
          </a:prstGeom>
        </p:spPr>
      </p:pic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6DDDF0B4-0C6D-BB05-61BC-B18B4779980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24538248"/>
              </p:ext>
            </p:extLst>
          </p:nvPr>
        </p:nvGraphicFramePr>
        <p:xfrm>
          <a:off x="246063" y="352425"/>
          <a:ext cx="9437687" cy="6300788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16947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65029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61792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535988">
                <a:tc rowSpan="2">
                  <a:txBody>
                    <a:bodyPr/>
                    <a:lstStyle/>
                    <a:p>
                      <a:endParaRPr lang="en-IN" sz="1800" dirty="0"/>
                    </a:p>
                  </a:txBody>
                  <a:tcPr marT="45721" marB="4572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2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tellar Optics Private Limited</a:t>
                      </a:r>
                      <a:endParaRPr lang="en-IN" sz="22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tc rowSpan="2">
                  <a:txBody>
                    <a:bodyPr/>
                    <a:lstStyle/>
                    <a:p>
                      <a:pPr algn="ctr"/>
                      <a:r>
                        <a:rPr lang="en-US" sz="12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OPL</a:t>
                      </a:r>
                      <a:r>
                        <a:rPr lang="en-US" sz="1200" b="1" baseline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– AQMS- </a:t>
                      </a:r>
                      <a:r>
                        <a:rPr lang="en-US" sz="12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03</a:t>
                      </a:r>
                      <a:endParaRPr lang="en-IN" sz="12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02379">
                <a:tc v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QUALITY POLICY</a:t>
                      </a:r>
                      <a:endParaRPr lang="en-IN" sz="18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tc v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810280">
                <a:tc gridSpan="3">
                  <a:txBody>
                    <a:bodyPr/>
                    <a:lstStyle/>
                    <a:p>
                      <a:pPr marL="0" indent="0" algn="l">
                        <a:lnSpc>
                          <a:spcPct val="100000"/>
                        </a:lnSpc>
                        <a:buFont typeface="Wingdings" panose="05000000000000000000" pitchFamily="2" charset="2"/>
                        <a:buNone/>
                      </a:pPr>
                      <a:endParaRPr lang="en-IN" sz="1800" b="0" kern="1200" dirty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ea typeface="+mn-ea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52141">
                <a:tc gridSpan="3">
                  <a:txBody>
                    <a:bodyPr/>
                    <a:lstStyle/>
                    <a:p>
                      <a:r>
                        <a:rPr lang="en-US" sz="1800" b="1" dirty="0"/>
                        <a:t>                                                                                                                           </a:t>
                      </a:r>
                      <a:endParaRPr lang="en-IN" sz="1800" b="1" i="0" dirty="0"/>
                    </a:p>
                  </a:txBody>
                  <a:tcPr marT="45721" marB="45721"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2067" name="TextBox 2">
            <a:extLst>
              <a:ext uri="{FF2B5EF4-FFF2-40B4-BE49-F238E27FC236}">
                <a16:creationId xmlns:a16="http://schemas.microsoft.com/office/drawing/2014/main" id="{50CABE9B-04E9-1485-43F4-6A2F8E6CF22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7350" y="6210300"/>
            <a:ext cx="2709863" cy="369888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  <a:defRPr/>
            </a:pPr>
            <a:r>
              <a:rPr lang="en-US" altLang="en-US" sz="1800" b="1" dirty="0">
                <a:latin typeface="+mn-lt"/>
              </a:rPr>
              <a:t> Jan 2025 </a:t>
            </a:r>
          </a:p>
        </p:txBody>
      </p:sp>
      <p:sp>
        <p:nvSpPr>
          <p:cNvPr id="2068" name="TextBox 5">
            <a:extLst>
              <a:ext uri="{FF2B5EF4-FFF2-40B4-BE49-F238E27FC236}">
                <a16:creationId xmlns:a16="http://schemas.microsoft.com/office/drawing/2014/main" id="{CB50F010-EAAD-3D8F-AE4B-24A7A46CA7D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221163" y="6226175"/>
            <a:ext cx="1870075" cy="368300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  <a:defRPr/>
            </a:pPr>
            <a:r>
              <a:rPr lang="en-US" altLang="en-US" sz="1800" b="1" dirty="0">
                <a:latin typeface="Arial" panose="020B0604020202020204" pitchFamily="34" charset="0"/>
              </a:rPr>
              <a:t> </a:t>
            </a:r>
            <a:r>
              <a:rPr lang="en-US" altLang="en-US" sz="1800" b="1" dirty="0">
                <a:latin typeface="+mn-lt"/>
              </a:rPr>
              <a:t>Rev. No </a:t>
            </a:r>
            <a:r>
              <a:rPr lang="en-US" altLang="en-US" sz="1800" b="1" dirty="0" smtClean="0">
                <a:latin typeface="+mn-lt"/>
              </a:rPr>
              <a:t>:00</a:t>
            </a:r>
            <a:endParaRPr lang="en-US" altLang="en-US" sz="1800" b="1" dirty="0">
              <a:latin typeface="+mn-lt"/>
            </a:endParaRPr>
          </a:p>
        </p:txBody>
      </p:sp>
      <p:sp>
        <p:nvSpPr>
          <p:cNvPr id="2069" name="TextBox 6">
            <a:extLst>
              <a:ext uri="{FF2B5EF4-FFF2-40B4-BE49-F238E27FC236}">
                <a16:creationId xmlns:a16="http://schemas.microsoft.com/office/drawing/2014/main" id="{3F9E1F9B-C158-833E-267A-CB4EDC35A8E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519988" y="6253163"/>
            <a:ext cx="2163762" cy="369887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  <a:defRPr/>
            </a:pPr>
            <a:r>
              <a:rPr lang="en-US" altLang="en-US" sz="1800" b="1" dirty="0">
                <a:latin typeface="Arial" panose="020B0604020202020204" pitchFamily="34" charset="0"/>
              </a:rPr>
              <a:t>            </a:t>
            </a:r>
            <a:r>
              <a:rPr lang="en-US" altLang="en-US" sz="1800" b="1" dirty="0">
                <a:latin typeface="+mn-lt"/>
              </a:rPr>
              <a:t>Director</a:t>
            </a:r>
          </a:p>
        </p:txBody>
      </p:sp>
      <p:pic>
        <p:nvPicPr>
          <p:cNvPr id="2" name="Picture 6" descr="C:\Users\s329\Downloads\Stellar.jpg">
            <a:extLst>
              <a:ext uri="{FF2B5EF4-FFF2-40B4-BE49-F238E27FC236}">
                <a16:creationId xmlns:a16="http://schemas.microsoft.com/office/drawing/2014/main" id="{094EB975-54CC-3360-9295-0FCE34B77BD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1638" y="535307"/>
            <a:ext cx="874712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70" name="TextBox 2">
            <a:extLst>
              <a:ext uri="{FF2B5EF4-FFF2-40B4-BE49-F238E27FC236}">
                <a16:creationId xmlns:a16="http://schemas.microsoft.com/office/drawing/2014/main" id="{D4466448-98D0-9311-56F4-BF4BC7BE3F1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20724" y="1653391"/>
            <a:ext cx="8606156" cy="3970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200000"/>
              </a:lnSpc>
              <a:spcBef>
                <a:spcPct val="0"/>
              </a:spcBef>
              <a:buFontTx/>
              <a:buNone/>
            </a:pPr>
            <a:r>
              <a:rPr lang="en-US" altLang="en-US" sz="1800" dirty="0">
                <a:latin typeface="Arial" panose="020B0604020202020204" pitchFamily="34" charset="0"/>
              </a:rPr>
              <a:t>	</a:t>
            </a:r>
            <a:r>
              <a:rPr lang="en-US" altLang="en-US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Stellar Optics Private Limited is committed to delivering precision optical components and solutions that strive to exceed meet customer expectations in quality, performance, and reliability. </a:t>
            </a:r>
            <a:endParaRPr lang="en-IN" altLang="en-US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lnSpc>
                <a:spcPct val="200000"/>
              </a:lnSpc>
              <a:spcBef>
                <a:spcPct val="0"/>
              </a:spcBef>
              <a:buFontTx/>
              <a:buNone/>
            </a:pPr>
            <a:r>
              <a:rPr lang="en-US" altLang="en-US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	Our commitment to excellence drives every aspect of our operation, from designing and fabrication to </a:t>
            </a:r>
            <a:r>
              <a:rPr lang="en-US" altLang="en-US" sz="1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esting and delivering. To achieve this, we focus on Customer, Sustainability and Responsibility, Employee Engagement, Continuous Improvement, Quality &amp; Innovation.</a:t>
            </a:r>
            <a:endParaRPr lang="en-IN" altLang="en-US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694646" y="5313448"/>
            <a:ext cx="1810669" cy="1207113"/>
          </a:xfrm>
          <a:prstGeom prst="rect">
            <a:avLst/>
          </a:prstGeom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6B019C0580FAB408426F504A480B070" ma:contentTypeVersion="15" ma:contentTypeDescription="Create a new document." ma:contentTypeScope="" ma:versionID="249f9452ac3dc602dedeb00b20557696">
  <xsd:schema xmlns:xsd="http://www.w3.org/2001/XMLSchema" xmlns:xs="http://www.w3.org/2001/XMLSchema" xmlns:p="http://schemas.microsoft.com/office/2006/metadata/properties" xmlns:ns2="4bc467f5-7189-45e4-a1c2-306dc98b053a" xmlns:ns3="61b8ec5d-748f-4500-ad42-cb24d539a7eb" targetNamespace="http://schemas.microsoft.com/office/2006/metadata/properties" ma:root="true" ma:fieldsID="132843ac878051b662b11f5d2dfcb973" ns2:_="" ns3:_="">
    <xsd:import namespace="4bc467f5-7189-45e4-a1c2-306dc98b053a"/>
    <xsd:import namespace="61b8ec5d-748f-4500-ad42-cb24d539a7e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bc467f5-7189-45e4-a1c2-306dc98b053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850547ae-b6e3-4842-8c48-b3a4bfa5981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1b8ec5d-748f-4500-ad42-cb24d539a7eb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b5169b96-9d1b-4a0c-9c5a-12ecbaf53f99}" ma:internalName="TaxCatchAll" ma:showField="CatchAllData" ma:web="61b8ec5d-748f-4500-ad42-cb24d539a7e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2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4bc467f5-7189-45e4-a1c2-306dc98b053a">
      <Terms xmlns="http://schemas.microsoft.com/office/infopath/2007/PartnerControls"/>
    </lcf76f155ced4ddcb4097134ff3c332f>
    <TaxCatchAll xmlns="61b8ec5d-748f-4500-ad42-cb24d539a7eb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F837597-B7AB-463A-92ED-B1377B76F5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bc467f5-7189-45e4-a1c2-306dc98b053a"/>
    <ds:schemaRef ds:uri="61b8ec5d-748f-4500-ad42-cb24d539a7e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73457F2-5F86-4B45-96B3-FF67633AB203}">
  <ds:schemaRefs>
    <ds:schemaRef ds:uri="4bc467f5-7189-45e4-a1c2-306dc98b053a"/>
    <ds:schemaRef ds:uri="61b8ec5d-748f-4500-ad42-cb24d539a7eb"/>
    <ds:schemaRef ds:uri="http://schemas.microsoft.com/office/2006/documentManagement/types"/>
    <ds:schemaRef ds:uri="http://purl.org/dc/terms/"/>
    <ds:schemaRef ds:uri="http://www.w3.org/XML/1998/namespace"/>
    <ds:schemaRef ds:uri="http://purl.org/dc/elements/1.1/"/>
    <ds:schemaRef ds:uri="http://schemas.microsoft.com/office/infopath/2007/PartnerControls"/>
    <ds:schemaRef ds:uri="http://schemas.openxmlformats.org/package/2006/metadata/core-properties"/>
    <ds:schemaRef ds:uri="http://schemas.microsoft.com/office/2006/metadata/properties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4648D5FF-BE87-4FDF-AF3C-589392A373A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95</Words>
  <Application>Microsoft Office PowerPoint</Application>
  <PresentationFormat>A4 Paper (210x297 mm)</PresentationFormat>
  <Paragraphs>9</Paragraphs>
  <Slides>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7" baseType="lpstr">
      <vt:lpstr>Arial</vt:lpstr>
      <vt:lpstr>Calibri</vt:lpstr>
      <vt:lpstr>Calibri Light</vt:lpstr>
      <vt:lpstr>Times New Roman</vt:lpstr>
      <vt:lpstr>Wingdings</vt:lpstr>
      <vt:lpstr>Office Theme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cp:lastModifiedBy>Manikandan N</cp:lastModifiedBy>
  <cp:revision>1</cp:revision>
  <dcterms:modified xsi:type="dcterms:W3CDTF">2025-09-23T10:57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C6B019C0580FAB408426F504A480B070</vt:lpwstr>
  </property>
</Properties>
</file>